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ostgelr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vlinder, Motten en vlinders, Lettertype&#10;&#10;Automatisch gegenereerde beschrijving">
            <a:extLst>
              <a:ext uri="{FF2B5EF4-FFF2-40B4-BE49-F238E27FC236}">
                <a16:creationId xmlns:a16="http://schemas.microsoft.com/office/drawing/2014/main" id="{4194178A-7181-F92A-005C-69EF5817367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673663"/>
            <a:ext cx="2386313" cy="199018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vlinder, Motten en vlinders, Lettertype&#10;&#10;Automatisch gegenereerde beschrijving">
            <a:extLst>
              <a:ext uri="{FF2B5EF4-FFF2-40B4-BE49-F238E27FC236}">
                <a16:creationId xmlns:a16="http://schemas.microsoft.com/office/drawing/2014/main" id="{9341E29C-0B5D-072A-199F-7327C882567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62261" y="4008212"/>
            <a:ext cx="1623325" cy="135385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8-14T09:32:43Z</dcterms:modified>
</cp:coreProperties>
</file>